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6"/>
    <p:sldMasterId id="2147483693" r:id="rId7"/>
  </p:sldMasterIdLst>
  <p:notesMasterIdLst>
    <p:notesMasterId r:id="rId11"/>
  </p:notesMasterIdLst>
  <p:sldIdLst>
    <p:sldId id="524" r:id="rId8"/>
    <p:sldId id="522" r:id="rId9"/>
    <p:sldId id="525" r:id="rId1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2C75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86640" autoAdjust="0"/>
  </p:normalViewPr>
  <p:slideViewPr>
    <p:cSldViewPr snapToGrid="0" showGuides="1">
      <p:cViewPr varScale="1">
        <p:scale>
          <a:sx n="74" d="100"/>
          <a:sy n="74" d="100"/>
        </p:scale>
        <p:origin x="994" y="101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2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tableStyles" Target="tableStyle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5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Alle spillere skal trække et farvet stykke karton og gå hen til det bord, hvor der er et stykke med samme farve.</a:t>
            </a:r>
          </a:p>
          <a:p>
            <a:r>
              <a:rPr lang="da-DK" dirty="0"/>
              <a:t>Spillere med samme farve karton, har et projekt sammen, og spiller spillet sammen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403720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4905240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219104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F2C75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rgbClr val="000000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07821977-7683-49e1-aa6b-9180014f2b46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6" name="text" descr="{&quot;templafy&quot;:{&quot;id&quot;:&quot;b057dcd3-0391-4bf0-b1a2-4018069fa49d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08636174-53a3-4ff2-8600-ecc828e8682b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bin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slideLayout" Target="../slideLayouts/slideLayout15.xml"/><Relationship Id="rId1" Type="http://schemas.openxmlformats.org/officeDocument/2006/relationships/slideLayout" Target="../slideLayouts/slideLayout14.xml"/><Relationship Id="rId5" Type="http://schemas.openxmlformats.org/officeDocument/2006/relationships/image" Target="../media/image1.bin"/><Relationship Id="rId4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82" r:id="rId7"/>
    <p:sldLayoutId id="2147483689" r:id="rId8"/>
    <p:sldLayoutId id="2147483676" r:id="rId9"/>
    <p:sldLayoutId id="2147483654" r:id="rId10"/>
    <p:sldLayoutId id="2147483685" r:id="rId11"/>
    <p:sldLayoutId id="2147483691" r:id="rId12"/>
    <p:sldLayoutId id="2147483662" r:id="rId13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Rectangle 3" descr="{&quot;templafy&quot;:{&quot;id&quot;:&quot;92540fb4-3435-49bf-9d4d-92a96d8b18fb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fe126f48-04c0-4317-8c4d-70a522eb5615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6" r:id="rId1"/>
    <p:sldLayoutId id="2147483695" r:id="rId2"/>
    <p:sldLayoutId id="2147483700" r:id="rId3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ladsholder til indhold 6" descr="Et billede, der indeholder statue, indendørs, kunst, mur&#10;&#10;Automatisk genereret beskrivelse">
            <a:extLst>
              <a:ext uri="{FF2B5EF4-FFF2-40B4-BE49-F238E27FC236}">
                <a16:creationId xmlns:a16="http://schemas.microsoft.com/office/drawing/2014/main" id="{E1AE0041-1929-A128-7393-B45A941BC3C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017"/>
          <a:stretch/>
        </p:blipFill>
        <p:spPr>
          <a:xfrm>
            <a:off x="20" y="10"/>
            <a:ext cx="12191980" cy="6857990"/>
          </a:xfrm>
          <a:noFill/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EEAC79F-944E-563D-44E4-D7332DB39950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3FD43BAF-FE61-4AF7-850E-5B9A09137200}" type="datetime1">
              <a:rPr lang="da-DK" smtClean="0"/>
              <a:pPr>
                <a:spcAft>
                  <a:spcPts val="600"/>
                </a:spcAft>
              </a:pPr>
              <a:t>25-05-2023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1044A97-45BC-E78D-0DC9-4B09910C9F01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0184795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lede 5">
            <a:extLst>
              <a:ext uri="{FF2B5EF4-FFF2-40B4-BE49-F238E27FC236}">
                <a16:creationId xmlns:a16="http://schemas.microsoft.com/office/drawing/2014/main" id="{BB898DEF-EE1E-08F0-2576-3B7C2F487C55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33885" t="16420" r="35301" b="7149"/>
          <a:stretch/>
        </p:blipFill>
        <p:spPr>
          <a:xfrm>
            <a:off x="422275" y="305349"/>
            <a:ext cx="4505686" cy="5907490"/>
          </a:xfrm>
          <a:prstGeom prst="rect">
            <a:avLst/>
          </a:prstGeom>
        </p:spPr>
      </p:pic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1" y="305349"/>
            <a:ext cx="4952627" cy="699051"/>
          </a:xfrm>
        </p:spPr>
        <p:txBody>
          <a:bodyPr/>
          <a:lstStyle/>
          <a:p>
            <a:pPr algn="r"/>
            <a:r>
              <a:rPr lang="da-DK" dirty="0"/>
              <a:t>Om spillet</a:t>
            </a:r>
          </a:p>
        </p:txBody>
      </p:sp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DA39C6DC-B889-7FCF-A084-24BE75235DC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096000" y="1432193"/>
            <a:ext cx="5673724" cy="4935556"/>
          </a:xfrm>
        </p:spPr>
        <p:txBody>
          <a:bodyPr/>
          <a:lstStyle/>
          <a:p>
            <a:r>
              <a:rPr lang="da-DK" sz="2400" dirty="0">
                <a:latin typeface="Calibri" panose="020F0502020204030204" pitchFamily="34" charset="0"/>
                <a:cs typeface="Calibri" panose="020F0502020204030204" pitchFamily="34" charset="0"/>
              </a:rPr>
              <a:t>I får en spilleplade og en spillebrik, og I følges ad rundt i spillet.</a:t>
            </a:r>
          </a:p>
          <a:p>
            <a:endParaRPr lang="da-DK" sz="2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da-DK" sz="2400" dirty="0">
                <a:latin typeface="Calibri" panose="020F0502020204030204" pitchFamily="34" charset="0"/>
                <a:cs typeface="Calibri" panose="020F0502020204030204" pitchFamily="34" charset="0"/>
              </a:rPr>
              <a:t>Der er 4 roller, og hvis I er flere end 4, kan I have flere med rollen Brobygger.</a:t>
            </a:r>
          </a:p>
          <a:p>
            <a:endParaRPr lang="da-DK" sz="2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da-DK" sz="2400" dirty="0">
                <a:latin typeface="Calibri" panose="020F0502020204030204" pitchFamily="34" charset="0"/>
                <a:cs typeface="Calibri" panose="020F0502020204030204" pitchFamily="34" charset="0"/>
              </a:rPr>
              <a:t>Læs spillemanualen, fordel rollerne og spil spillet.</a:t>
            </a:r>
          </a:p>
          <a:p>
            <a:endParaRPr lang="da-DK" sz="2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da-DK" sz="2400" dirty="0">
                <a:latin typeface="Calibri" panose="020F0502020204030204" pitchFamily="34" charset="0"/>
                <a:cs typeface="Calibri" panose="020F0502020204030204" pitchFamily="34" charset="0"/>
              </a:rPr>
              <a:t>I får lige projektcasen med…</a:t>
            </a:r>
          </a:p>
          <a:p>
            <a:pPr marL="0" indent="0">
              <a:buNone/>
            </a:pPr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4927961" y="1004401"/>
            <a:ext cx="7113475" cy="521184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</a:pP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214363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1" y="305349"/>
            <a:ext cx="4952627" cy="699051"/>
          </a:xfrm>
        </p:spPr>
        <p:txBody>
          <a:bodyPr/>
          <a:lstStyle/>
          <a:p>
            <a:pPr algn="r"/>
            <a:r>
              <a:rPr lang="da-DK" dirty="0"/>
              <a:t>Om projektet</a:t>
            </a:r>
          </a:p>
        </p:txBody>
      </p:sp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DA39C6DC-B889-7FCF-A084-24BE75235DC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927961" y="1004400"/>
            <a:ext cx="6841763" cy="5363349"/>
          </a:xfrm>
        </p:spPr>
        <p:txBody>
          <a:bodyPr/>
          <a:lstStyle/>
          <a:p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SDU har nu haft The Winter Garden i nogle år. I starten blev det meget brugt, men efter Corona perioden er brugen reduceret meget.</a:t>
            </a:r>
          </a:p>
          <a:p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Derfor er der blevet udskrevet en konkurrence blandt ansatte og studerende om, hvordan vi kan få en øget brug af rummet.</a:t>
            </a:r>
          </a:p>
          <a:p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Store og små forslag er velkomne, også forslag, der indebærer indkøb af ny inventar.</a:t>
            </a:r>
          </a:p>
          <a:p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Konkurrencen afgøres ved et fælles arrangement, hvor man skiftes til at pitche sin idé på 10 min. til dommerkomitéen.</a:t>
            </a:r>
          </a:p>
          <a:p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Projektets resultat er denne 10 min. pitch.</a:t>
            </a:r>
          </a:p>
          <a:p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I skal ikke forberede eller gennemføre pitchen.</a:t>
            </a:r>
          </a:p>
          <a:p>
            <a:endParaRPr lang="da-DK" sz="10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da-DK" sz="2000" dirty="0">
                <a:latin typeface="Calibri" panose="020F0502020204030204" pitchFamily="34" charset="0"/>
                <a:cs typeface="Calibri" panose="020F0502020204030204" pitchFamily="34" charset="0"/>
              </a:rPr>
              <a:t>Og The Winter Garden skal ikke nedlægges.</a:t>
            </a:r>
          </a:p>
        </p:txBody>
      </p:sp>
      <p:pic>
        <p:nvPicPr>
          <p:cNvPr id="7" name="Pladsholder til indhold 6" descr="Et billede, der indeholder møbel, bygning, bord, indendørs&#10;&#10;Automatisk genereret beskrivelse">
            <a:extLst>
              <a:ext uri="{FF2B5EF4-FFF2-40B4-BE49-F238E27FC236}">
                <a16:creationId xmlns:a16="http://schemas.microsoft.com/office/drawing/2014/main" id="{80C0D17B-47A4-5700-D3BF-A0034660CDFC}"/>
              </a:ext>
            </a:extLst>
          </p:cNvPr>
          <p:cNvPicPr>
            <a:picLocks noGrp="1" noChangeAspect="1"/>
          </p:cNvPicPr>
          <p:nvPr>
            <p:ph sz="quarter" idx="15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9169"/>
          <a:stretch/>
        </p:blipFill>
        <p:spPr>
          <a:xfrm>
            <a:off x="422276" y="305349"/>
            <a:ext cx="4160741" cy="5731893"/>
          </a:xfrm>
        </p:spPr>
      </p:pic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4927961" y="1004401"/>
            <a:ext cx="7113475" cy="521184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</a:pP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3144952650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292EEE87934AB40914CAF5009744879" ma:contentTypeVersion="2" ma:contentTypeDescription="Opret et nyt dokument." ma:contentTypeScope="" ma:versionID="734b2c230b507b3c7e1fcbc603d6f21d">
  <xsd:schema xmlns:xsd="http://www.w3.org/2001/XMLSchema" xmlns:xs="http://www.w3.org/2001/XMLSchema" xmlns:p="http://schemas.microsoft.com/office/2006/metadata/properties" xmlns:ns2="de28af0f-f174-442f-b980-84548850551c" targetNamespace="http://schemas.microsoft.com/office/2006/metadata/properties" ma:root="true" ma:fieldsID="faf46359404a284d7c0f234dc3f4da1d" ns2:_="">
    <xsd:import namespace="de28af0f-f174-442f-b980-84548850551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e28af0f-f174-442f-b980-84548850551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{"language":"{{DocumentLanguage}}","disableUpdates":false,"type":"proofingLanguage"}],"templateName":"SDU widescreen 16:9 - uden enhedsnavn, dato og links","templateDescription":"SDU widescreen 16:9 - uden enhedsnavn, dato og links","enableDocumentContentUpdater":true,"version":"1.3"}]]></Templafy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EB0E6CB5-BFD5-4D1C-AD42-7767C2E0785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e28af0f-f174-442f-b980-84548850551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971302D5-2614-458D-ABB5-320B1BACCFD6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5CD5A01-6378-494D-B71B-D23DEC9A120C}">
  <ds:schemaRefs/>
</ds:datastoreItem>
</file>

<file path=customXml/itemProps4.xml><?xml version="1.0" encoding="utf-8"?>
<ds:datastoreItem xmlns:ds="http://schemas.openxmlformats.org/officeDocument/2006/customXml" ds:itemID="{C484C70F-0F64-4774-853F-19FDF7E1F81D}">
  <ds:schemaRefs/>
</ds:datastoreItem>
</file>

<file path=customXml/itemProps5.xml><?xml version="1.0" encoding="utf-8"?>
<ds:datastoreItem xmlns:ds="http://schemas.openxmlformats.org/officeDocument/2006/customXml" ds:itemID="{079AC8D8-DF25-46FE-9579-89AAF077E0E5}">
  <ds:schemaRefs>
    <ds:schemaRef ds:uri="de28af0f-f174-442f-b980-84548850551c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215</Words>
  <Application>Microsoft Office PowerPoint</Application>
  <PresentationFormat>Widescreen</PresentationFormat>
  <Paragraphs>29</Paragraphs>
  <Slides>3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3</vt:i4>
      </vt:variant>
    </vt:vector>
  </HeadingPairs>
  <TitlesOfParts>
    <vt:vector size="8" baseType="lpstr">
      <vt:lpstr>Arial</vt:lpstr>
      <vt:lpstr>Calibri</vt:lpstr>
      <vt:lpstr>Wingdings</vt:lpstr>
      <vt:lpstr>Blank</vt:lpstr>
      <vt:lpstr>SDU</vt:lpstr>
      <vt:lpstr>PowerPoint-præsentation</vt:lpstr>
      <vt:lpstr>Om spillet</vt:lpstr>
      <vt:lpstr>Om projektet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elkommen til Projekt- og porteføljenetværk  23. maj 2023</dc:title>
  <dc:subject/>
  <dc:creator/>
  <cp:keywords/>
  <dc:description/>
  <cp:lastModifiedBy/>
  <cp:revision>86</cp:revision>
  <dcterms:created xsi:type="dcterms:W3CDTF">2019-01-15T10:32:39Z</dcterms:created>
  <dcterms:modified xsi:type="dcterms:W3CDTF">2023-05-25T14:00:5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6082231930658826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D292EEE87934AB40914CAF5009744879</vt:lpwstr>
  </property>
</Properties>
</file>